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65" r:id="rId6"/>
    <p:sldId id="267" r:id="rId7"/>
    <p:sldId id="266" r:id="rId8"/>
    <p:sldId id="270" r:id="rId9"/>
    <p:sldId id="268" r:id="rId10"/>
    <p:sldId id="271" r:id="rId11"/>
    <p:sldId id="269" r:id="rId12"/>
    <p:sldId id="272" r:id="rId13"/>
    <p:sldId id="273" r:id="rId14"/>
    <p:sldId id="257" r:id="rId15"/>
    <p:sldId id="259" r:id="rId16"/>
    <p:sldId id="256" r:id="rId17"/>
    <p:sldId id="260" r:id="rId18"/>
    <p:sldId id="258" r:id="rId19"/>
    <p:sldId id="264" r:id="rId20"/>
    <p:sldId id="262" r:id="rId21"/>
    <p:sldId id="261" r:id="rId22"/>
    <p:sldId id="263" r:id="rId23"/>
  </p:sldIdLst>
  <p:sldSz cx="12192000" cy="6858000"/>
  <p:notesSz cx="7315200" cy="96012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014" autoAdjust="0"/>
    <p:restoredTop sz="94660"/>
  </p:normalViewPr>
  <p:slideViewPr>
    <p:cSldViewPr snapToGrid="0">
      <p:cViewPr varScale="1">
        <p:scale>
          <a:sx n="110" d="100"/>
          <a:sy n="110" d="100"/>
        </p:scale>
        <p:origin x="480" y="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slide" Target="slides/slide16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presProps" Target="presProp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tableStyles" Target="tableStyle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12/09/2021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0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6E9812-AF8A-4599-8060-C746F4ECCC5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err="1"/>
              <a:t>Ridehail</a:t>
            </a:r>
            <a:r>
              <a:rPr lang="en-US" dirty="0"/>
              <a:t> Simula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A8A5CE4-8A5F-4E61-9C7A-EC97D7241EE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234288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7BC1DF3-5965-49AD-9973-7C4C0FAB498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73556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5F9425F-FCD4-4C22-863E-2D6985602AC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303259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FAD74CAB-96CB-4EC0-B93A-791F6DE7CE1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4B050DB-B0C8-4FCC-A738-39C793469A9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582667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4122352-A409-4AC5-AD6A-46BBC918F0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60067" y="0"/>
            <a:ext cx="8671866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376368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DD26876-03F3-4C95-AF1C-EF81BC5168A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6915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EB4C8D7-2229-47D2-AC29-7D6373ABBC9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005684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0EF5930-A86D-459B-B08B-038B94E9566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422938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24190E94-689A-4CFC-86F3-CD2ACCE7EBD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163153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CDAD07C-5883-4D20-9F3E-DCA9BA5D270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305" y="626358"/>
            <a:ext cx="10945390" cy="56052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85671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BB4C285-B296-465F-92E4-9160C8789EF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508280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11FE2C0-82CA-42FF-B951-C0FF9D17CB5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342766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78F85C9-DFCD-4784-B4B8-F40E50FFB1A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559563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BE4B4434-7CDC-40CC-AF5D-A5F138C2B27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448895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A4B833F8-A962-45B3-B320-7D706E29F72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713385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8829DC5-C880-4629-A7EC-15D92EC98B2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52500" y="0"/>
            <a:ext cx="10287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673810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142745514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1E5C1412-4B31-4EB2-BCFB-90DC85E0549F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DAEC0FB5-7FB8-4E5D-836C-D6122B8C2BC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7</TotalTime>
  <Words>2</Words>
  <Application>Microsoft Office PowerPoint</Application>
  <PresentationFormat>Widescreen</PresentationFormat>
  <Paragraphs>1</Paragraphs>
  <Slides>1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22" baseType="lpstr">
      <vt:lpstr>Arial</vt:lpstr>
      <vt:lpstr>Calibri</vt:lpstr>
      <vt:lpstr>Calibri Light</vt:lpstr>
      <vt:lpstr>Office Theme</vt:lpstr>
      <vt:lpstr>Ridehail Simul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Slee, Tom</cp:lastModifiedBy>
  <cp:revision>4</cp:revision>
  <dcterms:created xsi:type="dcterms:W3CDTF">2021-12-07T15:26:40Z</dcterms:created>
  <dcterms:modified xsi:type="dcterms:W3CDTF">2021-12-09T20:34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445709785121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